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471 Nádoby na klinický odpad\02. Príprava\05. PT\"/>
    </mc:Choice>
  </mc:AlternateContent>
  <bookViews>
    <workbookView xWindow="-105" yWindow="-105" windowWidth="23250" windowHeight="12570"/>
  </bookViews>
  <sheets>
    <sheet name="Špecifikácia PZ" sheetId="1" r:id="rId1"/>
  </sheets>
  <externalReferences>
    <externalReference r:id="rId2"/>
  </externalReferences>
  <definedNames>
    <definedName name="_xlnm.Print_Area" localSheetId="0">'Špecifikácia PZ'!$A$1:$C$7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" l="1"/>
</calcChain>
</file>

<file path=xl/sharedStrings.xml><?xml version="1.0" encoding="utf-8"?>
<sst xmlns="http://schemas.openxmlformats.org/spreadsheetml/2006/main" count="171" uniqueCount="108">
  <si>
    <t>ŠPECIFIKÁCIA PREDMETU ZÁKAZKY</t>
  </si>
  <si>
    <t>Funkčná špecifikácia, opis a požadované minimálne technické vlastnosti, parametre a hodnoty predmetu zákazky požadované verejným obstarávateľom</t>
  </si>
  <si>
    <t>Predmetom obstarávanej zákazky je dodávka nádob na klinický odpad pre jednotlivé pracoviská verejného obstarávateľa v rozsahu požadovanej špecifikácie, v množstvách a lehotách špecifikovaných v čiastkových objednávkach na základe skutočných potrieb verejného obstarávateľa. Predmet zákazky verejný obstarávateľ požaduje vrátane prepravy a vyloženia v mieste plnenia. Súčasťou predmetu zákazky sú všetky, resp. akékoľvek  ďalšie náklady, ktoré sa môžu vyskytnúť v súvislosti s plnením predmetu zákazky (napr. balné).</t>
  </si>
  <si>
    <t>xxx</t>
  </si>
  <si>
    <t>TECHNICKÁ ŠPECIFIKÁCIA</t>
  </si>
  <si>
    <t>Požadovaná 
hodnota</t>
  </si>
  <si>
    <t>1. NÁDOBA NA KLINICKÝ ODPAD TYP č. 1</t>
  </si>
  <si>
    <t>1.1</t>
  </si>
  <si>
    <t xml:space="preserve">objem nádoby </t>
  </si>
  <si>
    <t>min. 2 litre - max. 2,2 litra</t>
  </si>
  <si>
    <t>1.2</t>
  </si>
  <si>
    <t>otvor na kryte (veku) nádoby:</t>
  </si>
  <si>
    <t>1.2.1</t>
  </si>
  <si>
    <t>s priemerom</t>
  </si>
  <si>
    <t>min. 4,5 cm - max. 7,5 cm</t>
  </si>
  <si>
    <t>1.2.2</t>
  </si>
  <si>
    <t>resp. s rozmerom</t>
  </si>
  <si>
    <t xml:space="preserve">min. 5 cm x max. 11 cm </t>
  </si>
  <si>
    <t>1.3</t>
  </si>
  <si>
    <t xml:space="preserve">výška nádoby </t>
  </si>
  <si>
    <t xml:space="preserve">min. 12,5 cm - max. 23 cm </t>
  </si>
  <si>
    <t>1.4</t>
  </si>
  <si>
    <t>nádoba musí slúžiť na zber ostrých predmetov a klinického odpadu</t>
  </si>
  <si>
    <t>1.5</t>
  </si>
  <si>
    <t>nádoba musí byť určená na jednorazové použitie</t>
  </si>
  <si>
    <t>1.6</t>
  </si>
  <si>
    <t>nádoba musí byť určená na transport a následnú likvidáciu spálením spolu s jej obsahom mimo nemocničného zariadenia</t>
  </si>
  <si>
    <t>1.7</t>
  </si>
  <si>
    <t>nádoba musí byť vyrobená z  ekologického plastového materiálu</t>
  </si>
  <si>
    <t>1.8</t>
  </si>
  <si>
    <t>nádoba musí byť vybavená rúčkami, resp. úchytkami na jednoduchý prenos</t>
  </si>
  <si>
    <t>1.9</t>
  </si>
  <si>
    <t xml:space="preserve">nádoba musí pozostávať z dvoch častí: </t>
  </si>
  <si>
    <t xml:space="preserve">a) </t>
  </si>
  <si>
    <t xml:space="preserve">samotná nádoba </t>
  </si>
  <si>
    <t xml:space="preserve">b) </t>
  </si>
  <si>
    <t>kryt (uzatvárateľné veko) s otvorom</t>
  </si>
  <si>
    <t>1.10</t>
  </si>
  <si>
    <t>nádoba musí mať možnosť dočasného a permanentného uzavretia:</t>
  </si>
  <si>
    <t>dočasné uzavretie nádoby má chrániť personál pred kontaktom s použitými ostrými predmetmi a výparmi z biologického materiálu medzi jednotlivými použitiami</t>
  </si>
  <si>
    <t>permanentné uzavretie nádoby má zabezpečiť  po naplnení nádoby jej pevné uzavretie pomocou permanentného uzáveru, čím bude nádoba pripravená k transportu a likvidácií. Po uzavretí nesmie byť možné jej opätovné otváranie a použitie</t>
  </si>
  <si>
    <t>1.11</t>
  </si>
  <si>
    <t>nádoba musí spĺňať požiadavky na obaly v zmysle Dohody ADR podľa obalových inštrukcií pre klinické odpady</t>
  </si>
  <si>
    <t>1.12</t>
  </si>
  <si>
    <t xml:space="preserve">na nádobe musí byť označenie  kódu obalu "un", ktorý je trvalý, čitateľný a umiestnený na mieste a takej veľkosti vzťahujúcej sa k nádobe, aby bol dobre viditeľný. </t>
  </si>
  <si>
    <t>2. NÁDOBA NA KLINICKÝ ODPAD TYP č. 2</t>
  </si>
  <si>
    <t>2.1</t>
  </si>
  <si>
    <t>min. 4 litre - max. 5 litrov</t>
  </si>
  <si>
    <t>2.2</t>
  </si>
  <si>
    <t>2.2.1</t>
  </si>
  <si>
    <t>min. 7,5 cm - max. 11,5 cm</t>
  </si>
  <si>
    <t>2.2.2</t>
  </si>
  <si>
    <t xml:space="preserve">min. 5,5 cm x max. 12 cm </t>
  </si>
  <si>
    <t>2.3</t>
  </si>
  <si>
    <t xml:space="preserve">min. 14 cm - max. 25 cm </t>
  </si>
  <si>
    <t>2.4</t>
  </si>
  <si>
    <t>2.5</t>
  </si>
  <si>
    <t>2.6</t>
  </si>
  <si>
    <t>2.7</t>
  </si>
  <si>
    <t>2.8</t>
  </si>
  <si>
    <t>2.9</t>
  </si>
  <si>
    <t>2.10</t>
  </si>
  <si>
    <t>2.11</t>
  </si>
  <si>
    <t>2.12</t>
  </si>
  <si>
    <t>3. NÁDOBA NA KLINICKÝ ODPAD TYP č. 3</t>
  </si>
  <si>
    <t>3.1</t>
  </si>
  <si>
    <t>min. 8 cm - max. 12,5 cm</t>
  </si>
  <si>
    <t>3.3</t>
  </si>
  <si>
    <t>3.4</t>
  </si>
  <si>
    <t>3.5</t>
  </si>
  <si>
    <t>3.6</t>
  </si>
  <si>
    <t>3.7</t>
  </si>
  <si>
    <t>3.8</t>
  </si>
  <si>
    <t>3.9</t>
  </si>
  <si>
    <t>3.10</t>
  </si>
  <si>
    <t>3.11</t>
  </si>
  <si>
    <t>4. NÁDOBA NA KLINICKÝ ODPAD TYP č. 4</t>
  </si>
  <si>
    <t>4.1</t>
  </si>
  <si>
    <t>4.2</t>
  </si>
  <si>
    <t xml:space="preserve">min. 50 cm - max. 75 cm </t>
  </si>
  <si>
    <t>4.3</t>
  </si>
  <si>
    <t>4.4</t>
  </si>
  <si>
    <t>4.5</t>
  </si>
  <si>
    <t>4.6</t>
  </si>
  <si>
    <t>4.7</t>
  </si>
  <si>
    <t>4.8</t>
  </si>
  <si>
    <t xml:space="preserve">kryt (uzatvárateľné veko) </t>
  </si>
  <si>
    <t>4.9</t>
  </si>
  <si>
    <t>4.10</t>
  </si>
  <si>
    <t>4.11</t>
  </si>
  <si>
    <t>objem nádoby +B8:C23A113B8:D22B8:C25AB8:D22</t>
  </si>
  <si>
    <t>min. 10 litrov - max. 13 litrov</t>
  </si>
  <si>
    <t>3.2.</t>
  </si>
  <si>
    <t>otvor na kryte (veku) nádoby</t>
  </si>
  <si>
    <t>otvor na kryte (veku) nádoby s priemerom alebo stranou otvoru:</t>
  </si>
  <si>
    <t xml:space="preserve">min. 22 cm - max. 35,5 cm </t>
  </si>
  <si>
    <t>3.2.1</t>
  </si>
  <si>
    <t>3.2.2</t>
  </si>
  <si>
    <t>min. 49 litrov - max 60 litrov</t>
  </si>
  <si>
    <t>Obchodné meno/Názov uchádzača:</t>
  </si>
  <si>
    <t>Sídlo/miesto podnikania uchádzača:</t>
  </si>
  <si>
    <t>IČO:</t>
  </si>
  <si>
    <t>DIČ:</t>
  </si>
  <si>
    <t>V:</t>
  </si>
  <si>
    <t>Dňa:</t>
  </si>
  <si>
    <t>Podpis a pečiatka:</t>
  </si>
  <si>
    <t>Meno a priezvisko oprávnenéj osoby na podpisovanie:</t>
  </si>
  <si>
    <t>Príloha č.2 - Špecifikácia predmetu zákazk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1"/>
      <color theme="1"/>
      <name val="Calibri"/>
      <family val="2"/>
      <charset val="238"/>
      <scheme val="minor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11"/>
      <name val="Arial"/>
      <family val="2"/>
      <charset val="238"/>
    </font>
    <font>
      <sz val="8"/>
      <name val="Arial"/>
      <family val="2"/>
      <charset val="238"/>
    </font>
    <font>
      <b/>
      <sz val="8"/>
      <name val="Arial"/>
      <family val="2"/>
      <charset val="238"/>
    </font>
    <font>
      <b/>
      <sz val="11"/>
      <name val="Calibri"/>
      <family val="2"/>
      <charset val="238"/>
      <scheme val="minor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  <fill>
      <patternFill patternType="solid">
        <fgColor theme="9" tint="0.79998168889431442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auto="1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</borders>
  <cellStyleXfs count="3">
    <xf numFmtId="0" fontId="0" fillId="0" borderId="0"/>
    <xf numFmtId="0" fontId="7" fillId="0" borderId="0"/>
    <xf numFmtId="0" fontId="7" fillId="0" borderId="0"/>
  </cellStyleXfs>
  <cellXfs count="57">
    <xf numFmtId="0" fontId="0" fillId="0" borderId="0" xfId="0"/>
    <xf numFmtId="0" fontId="1" fillId="0" borderId="2" xfId="0" applyFont="1" applyBorder="1" applyAlignment="1">
      <alignment wrapText="1"/>
    </xf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2" fillId="0" borderId="0" xfId="0" applyFont="1" applyAlignment="1">
      <alignment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vertical="center"/>
    </xf>
    <xf numFmtId="49" fontId="1" fillId="0" borderId="4" xfId="0" applyNumberFormat="1" applyFont="1" applyFill="1" applyBorder="1" applyAlignment="1">
      <alignment horizontal="left" vertical="center" wrapText="1"/>
    </xf>
    <xf numFmtId="49" fontId="4" fillId="0" borderId="0" xfId="0" applyNumberFormat="1" applyFont="1" applyAlignment="1">
      <alignment horizontal="center" wrapText="1"/>
    </xf>
    <xf numFmtId="49" fontId="1" fillId="0" borderId="0" xfId="0" applyNumberFormat="1" applyFont="1" applyAlignment="1">
      <alignment wrapText="1"/>
    </xf>
    <xf numFmtId="0" fontId="1" fillId="0" borderId="0" xfId="0" applyFont="1" applyAlignment="1">
      <alignment horizontal="center" wrapText="1"/>
    </xf>
    <xf numFmtId="0" fontId="5" fillId="2" borderId="12" xfId="0" applyFont="1" applyFill="1" applyBorder="1" applyAlignment="1">
      <alignment horizontal="center" vertical="center" wrapText="1"/>
    </xf>
    <xf numFmtId="0" fontId="4" fillId="3" borderId="10" xfId="0" applyFont="1" applyFill="1" applyBorder="1" applyAlignment="1">
      <alignment horizontal="center" vertical="center"/>
    </xf>
    <xf numFmtId="49" fontId="1" fillId="0" borderId="7" xfId="0" applyNumberFormat="1" applyFont="1" applyFill="1" applyBorder="1" applyAlignment="1">
      <alignment horizontal="center" vertical="center" wrapText="1"/>
    </xf>
    <xf numFmtId="49" fontId="1" fillId="0" borderId="15" xfId="0" applyNumberFormat="1" applyFont="1" applyFill="1" applyBorder="1" applyAlignment="1">
      <alignment horizontal="left" vertical="center" wrapText="1"/>
    </xf>
    <xf numFmtId="0" fontId="1" fillId="0" borderId="12" xfId="0" applyFont="1" applyFill="1" applyBorder="1" applyAlignment="1">
      <alignment horizontal="left" vertical="center"/>
    </xf>
    <xf numFmtId="49" fontId="1" fillId="0" borderId="8" xfId="0" applyNumberFormat="1" applyFont="1" applyFill="1" applyBorder="1" applyAlignment="1">
      <alignment horizontal="center" vertical="center" wrapText="1"/>
    </xf>
    <xf numFmtId="0" fontId="1" fillId="0" borderId="16" xfId="0" applyFont="1" applyFill="1" applyBorder="1" applyAlignment="1">
      <alignment horizontal="left" vertical="center"/>
    </xf>
    <xf numFmtId="49" fontId="1" fillId="0" borderId="17" xfId="0" applyNumberFormat="1" applyFont="1" applyFill="1" applyBorder="1" applyAlignment="1">
      <alignment horizontal="center" vertical="center" wrapText="1"/>
    </xf>
    <xf numFmtId="49" fontId="1" fillId="0" borderId="18" xfId="0" applyNumberFormat="1" applyFont="1" applyFill="1" applyBorder="1" applyAlignment="1">
      <alignment horizontal="left" vertical="center" wrapText="1"/>
    </xf>
    <xf numFmtId="0" fontId="1" fillId="0" borderId="19" xfId="0" applyFont="1" applyFill="1" applyBorder="1" applyAlignment="1">
      <alignment horizontal="left" vertical="center"/>
    </xf>
    <xf numFmtId="49" fontId="1" fillId="0" borderId="20" xfId="0" applyNumberFormat="1" applyFont="1" applyFill="1" applyBorder="1" applyAlignment="1">
      <alignment horizontal="center" vertical="center" wrapText="1"/>
    </xf>
    <xf numFmtId="49" fontId="1" fillId="0" borderId="21" xfId="0" applyNumberFormat="1" applyFont="1" applyFill="1" applyBorder="1" applyAlignment="1">
      <alignment horizontal="left" vertical="center" wrapText="1"/>
    </xf>
    <xf numFmtId="0" fontId="1" fillId="0" borderId="22" xfId="0" applyFont="1" applyFill="1" applyBorder="1" applyAlignment="1">
      <alignment horizontal="left" vertical="center"/>
    </xf>
    <xf numFmtId="0" fontId="4" fillId="3" borderId="6" xfId="0" applyFont="1" applyFill="1" applyBorder="1" applyAlignment="1">
      <alignment horizontal="center" vertical="center"/>
    </xf>
    <xf numFmtId="49" fontId="1" fillId="0" borderId="29" xfId="0" applyNumberFormat="1" applyFont="1" applyFill="1" applyBorder="1" applyAlignment="1">
      <alignment horizontal="center" vertical="center" wrapText="1"/>
    </xf>
    <xf numFmtId="49" fontId="1" fillId="0" borderId="30" xfId="0" applyNumberFormat="1" applyFont="1" applyFill="1" applyBorder="1" applyAlignment="1">
      <alignment horizontal="left" vertical="center" wrapText="1"/>
    </xf>
    <xf numFmtId="0" fontId="1" fillId="0" borderId="31" xfId="0" applyFont="1" applyFill="1" applyBorder="1" applyAlignment="1">
      <alignment horizontal="left" vertical="center"/>
    </xf>
    <xf numFmtId="49" fontId="5" fillId="2" borderId="11" xfId="0" applyNumberFormat="1" applyFont="1" applyFill="1" applyBorder="1" applyAlignment="1">
      <alignment horizontal="left" vertical="center" wrapText="1"/>
    </xf>
    <xf numFmtId="0" fontId="6" fillId="2" borderId="5" xfId="0" applyFont="1" applyFill="1" applyBorder="1" applyAlignment="1">
      <alignment wrapText="1"/>
    </xf>
    <xf numFmtId="0" fontId="1" fillId="0" borderId="1" xfId="0" applyFont="1" applyBorder="1" applyAlignment="1">
      <alignment horizontal="left" wrapText="1"/>
    </xf>
    <xf numFmtId="0" fontId="1" fillId="0" borderId="2" xfId="0" applyFont="1" applyBorder="1" applyAlignment="1">
      <alignment horizontal="left" wrapText="1"/>
    </xf>
    <xf numFmtId="0" fontId="3" fillId="0" borderId="3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49" fontId="5" fillId="3" borderId="13" xfId="0" applyNumberFormat="1" applyFont="1" applyFill="1" applyBorder="1" applyAlignment="1">
      <alignment horizontal="left" vertical="center" wrapText="1"/>
    </xf>
    <xf numFmtId="0" fontId="0" fillId="0" borderId="14" xfId="0" applyBorder="1" applyAlignment="1">
      <alignment vertical="center"/>
    </xf>
    <xf numFmtId="49" fontId="5" fillId="3" borderId="23" xfId="0" applyNumberFormat="1" applyFont="1" applyFill="1" applyBorder="1" applyAlignment="1">
      <alignment horizontal="left" vertical="center" wrapText="1"/>
    </xf>
    <xf numFmtId="0" fontId="0" fillId="0" borderId="24" xfId="0" applyBorder="1" applyAlignment="1">
      <alignment vertical="center"/>
    </xf>
    <xf numFmtId="49" fontId="2" fillId="0" borderId="9" xfId="0" applyNumberFormat="1" applyFont="1" applyBorder="1" applyAlignment="1">
      <alignment horizontal="center" vertical="top" wrapText="1"/>
    </xf>
    <xf numFmtId="49" fontId="2" fillId="0" borderId="25" xfId="0" applyNumberFormat="1" applyFont="1" applyBorder="1" applyAlignment="1">
      <alignment horizontal="center" vertical="top" wrapText="1"/>
    </xf>
    <xf numFmtId="49" fontId="2" fillId="0" borderId="26" xfId="0" applyNumberFormat="1" applyFont="1" applyBorder="1" applyAlignment="1">
      <alignment horizontal="center" vertical="top" wrapText="1"/>
    </xf>
    <xf numFmtId="49" fontId="1" fillId="0" borderId="13" xfId="0" applyNumberFormat="1" applyFont="1" applyFill="1" applyBorder="1" applyAlignment="1">
      <alignment horizontal="left" vertical="justify" wrapText="1"/>
    </xf>
    <xf numFmtId="49" fontId="1" fillId="0" borderId="27" xfId="0" applyNumberFormat="1" applyFont="1" applyFill="1" applyBorder="1" applyAlignment="1">
      <alignment horizontal="left" vertical="justify" wrapText="1"/>
    </xf>
    <xf numFmtId="49" fontId="1" fillId="0" borderId="28" xfId="0" applyNumberFormat="1" applyFont="1" applyFill="1" applyBorder="1" applyAlignment="1">
      <alignment horizontal="left" vertical="justify" wrapText="1"/>
    </xf>
    <xf numFmtId="0" fontId="10" fillId="0" borderId="0" xfId="2" applyFont="1" applyAlignment="1">
      <alignment horizontal="left" vertical="center" wrapText="1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horizontal="right" vertical="top" wrapText="1"/>
      <protection locked="0"/>
    </xf>
    <xf numFmtId="0" fontId="8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14" fontId="9" fillId="0" borderId="0" xfId="0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right" wrapText="1"/>
      <protection locked="0"/>
    </xf>
    <xf numFmtId="0" fontId="9" fillId="0" borderId="32" xfId="0" applyFont="1" applyBorder="1" applyAlignment="1" applyProtection="1">
      <alignment horizontal="right"/>
      <protection locked="0"/>
    </xf>
    <xf numFmtId="0" fontId="9" fillId="0" borderId="0" xfId="0" applyFont="1" applyAlignment="1" applyProtection="1">
      <alignment horizontal="right" wrapText="1"/>
      <protection locked="0"/>
    </xf>
    <xf numFmtId="0" fontId="2" fillId="0" borderId="3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</cellXfs>
  <cellStyles count="3">
    <cellStyle name="Normálne" xfId="0" builtinId="0"/>
    <cellStyle name="Normálne 2" xfId="1"/>
    <cellStyle name="normálne 2 2" xfId="2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7/02.%20Prebiehaj&#250;ce%20z&#225;kazky/02.%20Oddelenie%20VO/01.%20Ma&#357;ka/06.%20Vestn&#237;k/N&#225;doby%20na%20klinick&#253;%20odpad/08.%20S&#250;&#357;a&#382;n&#233;%20podklady%20+%20pr&#237;lohy/Final%20SP+pr&#237;lohy/Pr&#237;lohy_k_sutaznym_podkladom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4"/>
      <sheetName val="Príloha č. 5"/>
    </sheetNames>
    <sheetDataSet>
      <sheetData sheetId="0">
        <row r="2">
          <cell r="A2" t="str">
            <v>NÁDOBY NA KLINICKÝ ODPAD</v>
          </cell>
          <cell r="B2"/>
          <cell r="C2"/>
        </row>
      </sheetData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90"/>
  <sheetViews>
    <sheetView tabSelected="1" topLeftCell="A70" zoomScaleNormal="100" workbookViewId="0">
      <selection activeCell="A84" sqref="A84:B84"/>
    </sheetView>
  </sheetViews>
  <sheetFormatPr defaultColWidth="9.140625" defaultRowHeight="12" x14ac:dyDescent="0.2"/>
  <cols>
    <col min="1" max="1" width="6.140625" style="8" customWidth="1"/>
    <col min="2" max="2" width="58.85546875" style="9" customWidth="1"/>
    <col min="3" max="3" width="22.140625" style="10" customWidth="1"/>
    <col min="4" max="4" width="16" style="2" customWidth="1"/>
    <col min="5" max="9" width="9.140625" style="2"/>
    <col min="10" max="10" width="9.140625" style="2" customWidth="1"/>
    <col min="11" max="16384" width="9.140625" style="2"/>
  </cols>
  <sheetData>
    <row r="1" spans="1:8" ht="12" customHeight="1" x14ac:dyDescent="0.2">
      <c r="A1" s="30" t="s">
        <v>107</v>
      </c>
      <c r="B1" s="31"/>
      <c r="C1" s="1"/>
    </row>
    <row r="2" spans="1:8" s="3" customFormat="1" ht="17.25" customHeight="1" x14ac:dyDescent="0.25">
      <c r="A2" s="55" t="str">
        <f>'[1]Príloha č. 1'!A2:C2</f>
        <v>NÁDOBY NA KLINICKÝ ODPAD</v>
      </c>
      <c r="B2" s="56"/>
      <c r="C2" s="56"/>
    </row>
    <row r="3" spans="1:8" s="5" customFormat="1" ht="24.95" customHeight="1" thickBot="1" x14ac:dyDescent="0.3">
      <c r="A3" s="32" t="s">
        <v>0</v>
      </c>
      <c r="B3" s="33"/>
      <c r="C3" s="33"/>
      <c r="D3" s="4"/>
      <c r="E3" s="4"/>
      <c r="F3" s="4"/>
      <c r="G3" s="4"/>
      <c r="H3" s="4"/>
    </row>
    <row r="4" spans="1:8" s="3" customFormat="1" ht="39.950000000000003" customHeight="1" x14ac:dyDescent="0.25">
      <c r="A4" s="38" t="s">
        <v>1</v>
      </c>
      <c r="B4" s="39"/>
      <c r="C4" s="40"/>
    </row>
    <row r="5" spans="1:8" s="6" customFormat="1" ht="87.75" customHeight="1" thickBot="1" x14ac:dyDescent="0.3">
      <c r="A5" s="41" t="s">
        <v>2</v>
      </c>
      <c r="B5" s="42"/>
      <c r="C5" s="43"/>
    </row>
    <row r="6" spans="1:8" s="6" customFormat="1" ht="38.25" customHeight="1" x14ac:dyDescent="0.25">
      <c r="A6" s="28" t="s">
        <v>4</v>
      </c>
      <c r="B6" s="29"/>
      <c r="C6" s="11" t="s">
        <v>5</v>
      </c>
    </row>
    <row r="7" spans="1:8" s="6" customFormat="1" ht="24.95" customHeight="1" thickBot="1" x14ac:dyDescent="0.3">
      <c r="A7" s="34" t="s">
        <v>6</v>
      </c>
      <c r="B7" s="35"/>
      <c r="C7" s="12" t="s">
        <v>3</v>
      </c>
    </row>
    <row r="8" spans="1:8" s="6" customFormat="1" ht="24.95" customHeight="1" x14ac:dyDescent="0.25">
      <c r="A8" s="13" t="s">
        <v>7</v>
      </c>
      <c r="B8" s="14" t="s">
        <v>90</v>
      </c>
      <c r="C8" s="15" t="s">
        <v>9</v>
      </c>
    </row>
    <row r="9" spans="1:8" s="6" customFormat="1" ht="24.95" customHeight="1" x14ac:dyDescent="0.25">
      <c r="A9" s="16" t="s">
        <v>10</v>
      </c>
      <c r="B9" s="7" t="s">
        <v>11</v>
      </c>
      <c r="C9" s="17"/>
    </row>
    <row r="10" spans="1:8" s="6" customFormat="1" ht="24.95" customHeight="1" x14ac:dyDescent="0.25">
      <c r="A10" s="16" t="s">
        <v>12</v>
      </c>
      <c r="B10" s="7" t="s">
        <v>13</v>
      </c>
      <c r="C10" s="17" t="s">
        <v>14</v>
      </c>
    </row>
    <row r="11" spans="1:8" s="6" customFormat="1" ht="24.95" customHeight="1" x14ac:dyDescent="0.25">
      <c r="A11" s="16" t="s">
        <v>15</v>
      </c>
      <c r="B11" s="7" t="s">
        <v>16</v>
      </c>
      <c r="C11" s="17" t="s">
        <v>17</v>
      </c>
    </row>
    <row r="12" spans="1:8" s="6" customFormat="1" ht="24.95" customHeight="1" x14ac:dyDescent="0.25">
      <c r="A12" s="16" t="s">
        <v>18</v>
      </c>
      <c r="B12" s="7" t="s">
        <v>19</v>
      </c>
      <c r="C12" s="17" t="s">
        <v>20</v>
      </c>
    </row>
    <row r="13" spans="1:8" s="6" customFormat="1" ht="24.95" customHeight="1" x14ac:dyDescent="0.25">
      <c r="A13" s="16" t="s">
        <v>21</v>
      </c>
      <c r="B13" s="7" t="s">
        <v>22</v>
      </c>
      <c r="C13" s="17"/>
    </row>
    <row r="14" spans="1:8" s="6" customFormat="1" ht="24.95" customHeight="1" x14ac:dyDescent="0.25">
      <c r="A14" s="16" t="s">
        <v>23</v>
      </c>
      <c r="B14" s="7" t="s">
        <v>24</v>
      </c>
      <c r="C14" s="17"/>
    </row>
    <row r="15" spans="1:8" s="6" customFormat="1" ht="24.95" customHeight="1" x14ac:dyDescent="0.25">
      <c r="A15" s="16" t="s">
        <v>25</v>
      </c>
      <c r="B15" s="7" t="s">
        <v>26</v>
      </c>
      <c r="C15" s="17"/>
    </row>
    <row r="16" spans="1:8" s="6" customFormat="1" ht="24.95" customHeight="1" x14ac:dyDescent="0.25">
      <c r="A16" s="16" t="s">
        <v>27</v>
      </c>
      <c r="B16" s="7" t="s">
        <v>28</v>
      </c>
      <c r="C16" s="17"/>
    </row>
    <row r="17" spans="1:3" s="6" customFormat="1" ht="24.95" customHeight="1" x14ac:dyDescent="0.25">
      <c r="A17" s="16" t="s">
        <v>29</v>
      </c>
      <c r="B17" s="7" t="s">
        <v>30</v>
      </c>
      <c r="C17" s="17"/>
    </row>
    <row r="18" spans="1:3" s="6" customFormat="1" ht="24.95" customHeight="1" x14ac:dyDescent="0.25">
      <c r="A18" s="16" t="s">
        <v>31</v>
      </c>
      <c r="B18" s="7" t="s">
        <v>32</v>
      </c>
      <c r="C18" s="17"/>
    </row>
    <row r="19" spans="1:3" s="6" customFormat="1" ht="24.95" customHeight="1" x14ac:dyDescent="0.25">
      <c r="A19" s="16" t="s">
        <v>33</v>
      </c>
      <c r="B19" s="7" t="s">
        <v>34</v>
      </c>
      <c r="C19" s="17"/>
    </row>
    <row r="20" spans="1:3" s="6" customFormat="1" ht="24.95" customHeight="1" x14ac:dyDescent="0.25">
      <c r="A20" s="16" t="s">
        <v>35</v>
      </c>
      <c r="B20" s="7" t="s">
        <v>36</v>
      </c>
      <c r="C20" s="17"/>
    </row>
    <row r="21" spans="1:3" s="6" customFormat="1" ht="24.95" customHeight="1" x14ac:dyDescent="0.25">
      <c r="A21" s="16" t="s">
        <v>37</v>
      </c>
      <c r="B21" s="7" t="s">
        <v>38</v>
      </c>
      <c r="C21" s="17"/>
    </row>
    <row r="22" spans="1:3" s="6" customFormat="1" ht="36" x14ac:dyDescent="0.25">
      <c r="A22" s="16" t="s">
        <v>33</v>
      </c>
      <c r="B22" s="7" t="s">
        <v>39</v>
      </c>
      <c r="C22" s="17"/>
    </row>
    <row r="23" spans="1:3" s="6" customFormat="1" ht="48" x14ac:dyDescent="0.25">
      <c r="A23" s="16" t="s">
        <v>35</v>
      </c>
      <c r="B23" s="7" t="s">
        <v>40</v>
      </c>
      <c r="C23" s="17"/>
    </row>
    <row r="24" spans="1:3" s="6" customFormat="1" ht="24.95" customHeight="1" x14ac:dyDescent="0.25">
      <c r="A24" s="16" t="s">
        <v>41</v>
      </c>
      <c r="B24" s="7" t="s">
        <v>42</v>
      </c>
      <c r="C24" s="17"/>
    </row>
    <row r="25" spans="1:3" s="6" customFormat="1" ht="36.75" thickBot="1" x14ac:dyDescent="0.3">
      <c r="A25" s="21" t="s">
        <v>43</v>
      </c>
      <c r="B25" s="22" t="s">
        <v>44</v>
      </c>
      <c r="C25" s="23"/>
    </row>
    <row r="26" spans="1:3" s="6" customFormat="1" ht="24.95" customHeight="1" thickBot="1" x14ac:dyDescent="0.3">
      <c r="A26" s="36" t="s">
        <v>45</v>
      </c>
      <c r="B26" s="37"/>
      <c r="C26" s="24" t="s">
        <v>3</v>
      </c>
    </row>
    <row r="27" spans="1:3" s="6" customFormat="1" ht="24.95" customHeight="1" x14ac:dyDescent="0.25">
      <c r="A27" s="13" t="s">
        <v>46</v>
      </c>
      <c r="B27" s="14" t="s">
        <v>8</v>
      </c>
      <c r="C27" s="15" t="s">
        <v>47</v>
      </c>
    </row>
    <row r="28" spans="1:3" s="6" customFormat="1" ht="24.95" customHeight="1" x14ac:dyDescent="0.25">
      <c r="A28" s="16" t="s">
        <v>48</v>
      </c>
      <c r="B28" s="7" t="s">
        <v>11</v>
      </c>
      <c r="C28" s="17"/>
    </row>
    <row r="29" spans="1:3" s="6" customFormat="1" ht="24.95" customHeight="1" x14ac:dyDescent="0.25">
      <c r="A29" s="16" t="s">
        <v>49</v>
      </c>
      <c r="B29" s="7" t="s">
        <v>13</v>
      </c>
      <c r="C29" s="17" t="s">
        <v>50</v>
      </c>
    </row>
    <row r="30" spans="1:3" s="6" customFormat="1" ht="24.95" customHeight="1" x14ac:dyDescent="0.25">
      <c r="A30" s="16" t="s">
        <v>51</v>
      </c>
      <c r="B30" s="7" t="s">
        <v>16</v>
      </c>
      <c r="C30" s="17" t="s">
        <v>52</v>
      </c>
    </row>
    <row r="31" spans="1:3" s="6" customFormat="1" ht="24.95" customHeight="1" x14ac:dyDescent="0.25">
      <c r="A31" s="16" t="s">
        <v>53</v>
      </c>
      <c r="B31" s="7" t="s">
        <v>19</v>
      </c>
      <c r="C31" s="17" t="s">
        <v>54</v>
      </c>
    </row>
    <row r="32" spans="1:3" s="6" customFormat="1" ht="24.95" customHeight="1" x14ac:dyDescent="0.25">
      <c r="A32" s="16" t="s">
        <v>55</v>
      </c>
      <c r="B32" s="7" t="s">
        <v>22</v>
      </c>
      <c r="C32" s="17"/>
    </row>
    <row r="33" spans="1:3" s="6" customFormat="1" ht="24.95" customHeight="1" x14ac:dyDescent="0.25">
      <c r="A33" s="16" t="s">
        <v>56</v>
      </c>
      <c r="B33" s="7" t="s">
        <v>24</v>
      </c>
      <c r="C33" s="17"/>
    </row>
    <row r="34" spans="1:3" s="6" customFormat="1" ht="24.95" customHeight="1" x14ac:dyDescent="0.25">
      <c r="A34" s="16" t="s">
        <v>57</v>
      </c>
      <c r="B34" s="7" t="s">
        <v>26</v>
      </c>
      <c r="C34" s="17"/>
    </row>
    <row r="35" spans="1:3" s="6" customFormat="1" ht="24.95" customHeight="1" x14ac:dyDescent="0.25">
      <c r="A35" s="16" t="s">
        <v>58</v>
      </c>
      <c r="B35" s="7" t="s">
        <v>28</v>
      </c>
      <c r="C35" s="17"/>
    </row>
    <row r="36" spans="1:3" s="6" customFormat="1" ht="24.95" customHeight="1" x14ac:dyDescent="0.25">
      <c r="A36" s="16" t="s">
        <v>59</v>
      </c>
      <c r="B36" s="7" t="s">
        <v>30</v>
      </c>
      <c r="C36" s="17"/>
    </row>
    <row r="37" spans="1:3" s="6" customFormat="1" ht="24.95" customHeight="1" x14ac:dyDescent="0.25">
      <c r="A37" s="16" t="s">
        <v>60</v>
      </c>
      <c r="B37" s="7" t="s">
        <v>32</v>
      </c>
      <c r="C37" s="17"/>
    </row>
    <row r="38" spans="1:3" s="6" customFormat="1" ht="24.95" customHeight="1" x14ac:dyDescent="0.25">
      <c r="A38" s="16" t="s">
        <v>33</v>
      </c>
      <c r="B38" s="7" t="s">
        <v>34</v>
      </c>
      <c r="C38" s="17"/>
    </row>
    <row r="39" spans="1:3" s="6" customFormat="1" ht="24.95" customHeight="1" x14ac:dyDescent="0.25">
      <c r="A39" s="16" t="s">
        <v>35</v>
      </c>
      <c r="B39" s="7" t="s">
        <v>36</v>
      </c>
      <c r="C39" s="17"/>
    </row>
    <row r="40" spans="1:3" s="6" customFormat="1" ht="24.95" customHeight="1" x14ac:dyDescent="0.25">
      <c r="A40" s="16" t="s">
        <v>61</v>
      </c>
      <c r="B40" s="7" t="s">
        <v>38</v>
      </c>
      <c r="C40" s="17"/>
    </row>
    <row r="41" spans="1:3" s="6" customFormat="1" ht="39.75" customHeight="1" x14ac:dyDescent="0.25">
      <c r="A41" s="16" t="s">
        <v>33</v>
      </c>
      <c r="B41" s="7" t="s">
        <v>39</v>
      </c>
      <c r="C41" s="17"/>
    </row>
    <row r="42" spans="1:3" s="6" customFormat="1" ht="54" customHeight="1" x14ac:dyDescent="0.25">
      <c r="A42" s="16" t="s">
        <v>35</v>
      </c>
      <c r="B42" s="7" t="s">
        <v>40</v>
      </c>
      <c r="C42" s="17"/>
    </row>
    <row r="43" spans="1:3" s="6" customFormat="1" ht="28.5" customHeight="1" x14ac:dyDescent="0.25">
      <c r="A43" s="16" t="s">
        <v>62</v>
      </c>
      <c r="B43" s="7" t="s">
        <v>42</v>
      </c>
      <c r="C43" s="17"/>
    </row>
    <row r="44" spans="1:3" s="6" customFormat="1" ht="41.25" customHeight="1" thickBot="1" x14ac:dyDescent="0.3">
      <c r="A44" s="18" t="s">
        <v>63</v>
      </c>
      <c r="B44" s="19" t="s">
        <v>44</v>
      </c>
      <c r="C44" s="20"/>
    </row>
    <row r="45" spans="1:3" s="6" customFormat="1" ht="24.95" customHeight="1" thickBot="1" x14ac:dyDescent="0.3">
      <c r="A45" s="36" t="s">
        <v>64</v>
      </c>
      <c r="B45" s="37"/>
      <c r="C45" s="24" t="s">
        <v>3</v>
      </c>
    </row>
    <row r="46" spans="1:3" s="6" customFormat="1" ht="24.95" customHeight="1" x14ac:dyDescent="0.25">
      <c r="A46" s="13" t="s">
        <v>65</v>
      </c>
      <c r="B46" s="14" t="s">
        <v>8</v>
      </c>
      <c r="C46" s="15" t="s">
        <v>91</v>
      </c>
    </row>
    <row r="47" spans="1:3" s="6" customFormat="1" ht="24.95" customHeight="1" x14ac:dyDescent="0.25">
      <c r="A47" s="25" t="s">
        <v>92</v>
      </c>
      <c r="B47" s="26" t="s">
        <v>93</v>
      </c>
      <c r="C47" s="27"/>
    </row>
    <row r="48" spans="1:3" s="6" customFormat="1" ht="24.95" customHeight="1" x14ac:dyDescent="0.25">
      <c r="A48" s="16" t="s">
        <v>96</v>
      </c>
      <c r="B48" s="7" t="s">
        <v>94</v>
      </c>
      <c r="C48" s="17" t="s">
        <v>66</v>
      </c>
    </row>
    <row r="49" spans="1:3" s="6" customFormat="1" ht="24.95" customHeight="1" x14ac:dyDescent="0.25">
      <c r="A49" s="16" t="s">
        <v>97</v>
      </c>
      <c r="B49" s="7" t="s">
        <v>19</v>
      </c>
      <c r="C49" s="17" t="s">
        <v>95</v>
      </c>
    </row>
    <row r="50" spans="1:3" s="6" customFormat="1" ht="24.95" customHeight="1" x14ac:dyDescent="0.25">
      <c r="A50" s="16" t="s">
        <v>67</v>
      </c>
      <c r="B50" s="7" t="s">
        <v>22</v>
      </c>
      <c r="C50" s="17"/>
    </row>
    <row r="51" spans="1:3" s="6" customFormat="1" ht="24.95" customHeight="1" x14ac:dyDescent="0.25">
      <c r="A51" s="16" t="s">
        <v>68</v>
      </c>
      <c r="B51" s="7" t="s">
        <v>24</v>
      </c>
      <c r="C51" s="17"/>
    </row>
    <row r="52" spans="1:3" s="6" customFormat="1" ht="24.95" customHeight="1" x14ac:dyDescent="0.25">
      <c r="A52" s="16" t="s">
        <v>69</v>
      </c>
      <c r="B52" s="7" t="s">
        <v>26</v>
      </c>
      <c r="C52" s="17"/>
    </row>
    <row r="53" spans="1:3" s="6" customFormat="1" ht="24.95" customHeight="1" x14ac:dyDescent="0.25">
      <c r="A53" s="16" t="s">
        <v>70</v>
      </c>
      <c r="B53" s="7" t="s">
        <v>28</v>
      </c>
      <c r="C53" s="17"/>
    </row>
    <row r="54" spans="1:3" s="6" customFormat="1" ht="24.95" customHeight="1" x14ac:dyDescent="0.25">
      <c r="A54" s="16" t="s">
        <v>71</v>
      </c>
      <c r="B54" s="7" t="s">
        <v>30</v>
      </c>
      <c r="C54" s="17"/>
    </row>
    <row r="55" spans="1:3" s="6" customFormat="1" ht="24.95" customHeight="1" x14ac:dyDescent="0.25">
      <c r="A55" s="16" t="s">
        <v>72</v>
      </c>
      <c r="B55" s="7" t="s">
        <v>32</v>
      </c>
      <c r="C55" s="17"/>
    </row>
    <row r="56" spans="1:3" s="6" customFormat="1" ht="24.95" customHeight="1" x14ac:dyDescent="0.25">
      <c r="A56" s="16" t="s">
        <v>33</v>
      </c>
      <c r="B56" s="7" t="s">
        <v>34</v>
      </c>
      <c r="C56" s="17"/>
    </row>
    <row r="57" spans="1:3" s="6" customFormat="1" ht="24.95" customHeight="1" x14ac:dyDescent="0.25">
      <c r="A57" s="16" t="s">
        <v>35</v>
      </c>
      <c r="B57" s="7" t="s">
        <v>36</v>
      </c>
      <c r="C57" s="17"/>
    </row>
    <row r="58" spans="1:3" s="6" customFormat="1" ht="24.95" customHeight="1" x14ac:dyDescent="0.25">
      <c r="A58" s="16" t="s">
        <v>73</v>
      </c>
      <c r="B58" s="7" t="s">
        <v>38</v>
      </c>
      <c r="C58" s="17"/>
    </row>
    <row r="59" spans="1:3" s="6" customFormat="1" ht="36" x14ac:dyDescent="0.25">
      <c r="A59" s="16" t="s">
        <v>33</v>
      </c>
      <c r="B59" s="7" t="s">
        <v>39</v>
      </c>
      <c r="C59" s="17"/>
    </row>
    <row r="60" spans="1:3" s="6" customFormat="1" ht="51" customHeight="1" x14ac:dyDescent="0.25">
      <c r="A60" s="16" t="s">
        <v>35</v>
      </c>
      <c r="B60" s="7" t="s">
        <v>40</v>
      </c>
      <c r="C60" s="17"/>
    </row>
    <row r="61" spans="1:3" s="6" customFormat="1" ht="28.5" customHeight="1" x14ac:dyDescent="0.25">
      <c r="A61" s="16" t="s">
        <v>74</v>
      </c>
      <c r="B61" s="7" t="s">
        <v>42</v>
      </c>
      <c r="C61" s="17"/>
    </row>
    <row r="62" spans="1:3" s="6" customFormat="1" ht="45.75" customHeight="1" thickBot="1" x14ac:dyDescent="0.3">
      <c r="A62" s="18" t="s">
        <v>75</v>
      </c>
      <c r="B62" s="19" t="s">
        <v>44</v>
      </c>
      <c r="C62" s="20"/>
    </row>
    <row r="63" spans="1:3" s="6" customFormat="1" ht="24.95" customHeight="1" thickBot="1" x14ac:dyDescent="0.3">
      <c r="A63" s="36" t="s">
        <v>76</v>
      </c>
      <c r="B63" s="37"/>
      <c r="C63" s="24" t="s">
        <v>3</v>
      </c>
    </row>
    <row r="64" spans="1:3" s="6" customFormat="1" ht="24.95" customHeight="1" x14ac:dyDescent="0.25">
      <c r="A64" s="13" t="s">
        <v>77</v>
      </c>
      <c r="B64" s="14" t="s">
        <v>8</v>
      </c>
      <c r="C64" s="15" t="s">
        <v>98</v>
      </c>
    </row>
    <row r="65" spans="1:3" s="6" customFormat="1" ht="24.95" customHeight="1" x14ac:dyDescent="0.25">
      <c r="A65" s="16" t="s">
        <v>78</v>
      </c>
      <c r="B65" s="7" t="s">
        <v>19</v>
      </c>
      <c r="C65" s="17" t="s">
        <v>79</v>
      </c>
    </row>
    <row r="66" spans="1:3" s="6" customFormat="1" ht="24.95" customHeight="1" x14ac:dyDescent="0.25">
      <c r="A66" s="16" t="s">
        <v>80</v>
      </c>
      <c r="B66" s="7" t="s">
        <v>22</v>
      </c>
      <c r="C66" s="17"/>
    </row>
    <row r="67" spans="1:3" s="6" customFormat="1" ht="24.95" customHeight="1" x14ac:dyDescent="0.25">
      <c r="A67" s="16" t="s">
        <v>81</v>
      </c>
      <c r="B67" s="7" t="s">
        <v>24</v>
      </c>
      <c r="C67" s="17"/>
    </row>
    <row r="68" spans="1:3" s="6" customFormat="1" ht="24.95" customHeight="1" x14ac:dyDescent="0.25">
      <c r="A68" s="16" t="s">
        <v>82</v>
      </c>
      <c r="B68" s="7" t="s">
        <v>26</v>
      </c>
      <c r="C68" s="17"/>
    </row>
    <row r="69" spans="1:3" s="6" customFormat="1" ht="24.95" customHeight="1" x14ac:dyDescent="0.25">
      <c r="A69" s="16" t="s">
        <v>83</v>
      </c>
      <c r="B69" s="7" t="s">
        <v>28</v>
      </c>
      <c r="C69" s="17"/>
    </row>
    <row r="70" spans="1:3" s="6" customFormat="1" ht="24.95" customHeight="1" x14ac:dyDescent="0.25">
      <c r="A70" s="16" t="s">
        <v>84</v>
      </c>
      <c r="B70" s="7" t="s">
        <v>30</v>
      </c>
      <c r="C70" s="17"/>
    </row>
    <row r="71" spans="1:3" s="6" customFormat="1" ht="24.95" customHeight="1" x14ac:dyDescent="0.25">
      <c r="A71" s="16" t="s">
        <v>85</v>
      </c>
      <c r="B71" s="7" t="s">
        <v>32</v>
      </c>
      <c r="C71" s="17"/>
    </row>
    <row r="72" spans="1:3" s="6" customFormat="1" ht="24.95" customHeight="1" x14ac:dyDescent="0.25">
      <c r="A72" s="16" t="s">
        <v>33</v>
      </c>
      <c r="B72" s="7" t="s">
        <v>34</v>
      </c>
      <c r="C72" s="17"/>
    </row>
    <row r="73" spans="1:3" s="6" customFormat="1" ht="24.95" customHeight="1" x14ac:dyDescent="0.25">
      <c r="A73" s="16" t="s">
        <v>35</v>
      </c>
      <c r="B73" s="7" t="s">
        <v>86</v>
      </c>
      <c r="C73" s="17"/>
    </row>
    <row r="74" spans="1:3" s="6" customFormat="1" ht="24.95" customHeight="1" x14ac:dyDescent="0.25">
      <c r="A74" s="16" t="s">
        <v>87</v>
      </c>
      <c r="B74" s="7" t="s">
        <v>38</v>
      </c>
      <c r="C74" s="17"/>
    </row>
    <row r="75" spans="1:3" s="6" customFormat="1" ht="36" x14ac:dyDescent="0.25">
      <c r="A75" s="16" t="s">
        <v>33</v>
      </c>
      <c r="B75" s="7" t="s">
        <v>39</v>
      </c>
      <c r="C75" s="17"/>
    </row>
    <row r="76" spans="1:3" s="6" customFormat="1" ht="48" x14ac:dyDescent="0.25">
      <c r="A76" s="16" t="s">
        <v>35</v>
      </c>
      <c r="B76" s="7" t="s">
        <v>40</v>
      </c>
      <c r="C76" s="17"/>
    </row>
    <row r="77" spans="1:3" s="6" customFormat="1" ht="24.95" customHeight="1" x14ac:dyDescent="0.25">
      <c r="A77" s="16" t="s">
        <v>88</v>
      </c>
      <c r="B77" s="7" t="s">
        <v>42</v>
      </c>
      <c r="C77" s="17"/>
    </row>
    <row r="78" spans="1:3" s="6" customFormat="1" ht="47.25" customHeight="1" thickBot="1" x14ac:dyDescent="0.3">
      <c r="A78" s="18" t="s">
        <v>89</v>
      </c>
      <c r="B78" s="19" t="s">
        <v>44</v>
      </c>
      <c r="C78" s="20"/>
    </row>
    <row r="81" spans="1:5" s="46" customFormat="1" ht="12.75" x14ac:dyDescent="0.2">
      <c r="A81" s="44"/>
      <c r="B81" s="44"/>
      <c r="C81" s="44"/>
      <c r="D81" s="44"/>
      <c r="E81" s="45"/>
    </row>
    <row r="82" spans="1:5" s="46" customFormat="1" ht="20.100000000000001" customHeight="1" x14ac:dyDescent="0.2">
      <c r="A82" s="47" t="s">
        <v>99</v>
      </c>
      <c r="B82" s="47"/>
      <c r="C82" s="48"/>
      <c r="D82" s="48"/>
      <c r="E82" s="45"/>
    </row>
    <row r="83" spans="1:5" s="46" customFormat="1" ht="20.100000000000001" customHeight="1" x14ac:dyDescent="0.2">
      <c r="A83" s="49" t="s">
        <v>100</v>
      </c>
      <c r="B83" s="49"/>
      <c r="C83" s="50"/>
      <c r="D83" s="50"/>
      <c r="E83" s="45"/>
    </row>
    <row r="84" spans="1:5" s="46" customFormat="1" ht="20.100000000000001" customHeight="1" x14ac:dyDescent="0.2">
      <c r="A84" s="49" t="s">
        <v>101</v>
      </c>
      <c r="B84" s="49"/>
      <c r="C84" s="50"/>
      <c r="D84" s="50"/>
      <c r="E84" s="45"/>
    </row>
    <row r="85" spans="1:5" s="46" customFormat="1" ht="20.100000000000001" customHeight="1" x14ac:dyDescent="0.2">
      <c r="A85" s="49" t="s">
        <v>102</v>
      </c>
      <c r="B85" s="49"/>
      <c r="C85" s="50"/>
      <c r="D85" s="50"/>
      <c r="E85" s="45"/>
    </row>
    <row r="86" spans="1:5" s="46" customFormat="1" ht="8.25" customHeight="1" x14ac:dyDescent="0.2">
      <c r="D86" s="45"/>
      <c r="E86" s="45"/>
    </row>
    <row r="87" spans="1:5" s="46" customFormat="1" ht="20.100000000000001" customHeight="1" x14ac:dyDescent="0.2">
      <c r="A87" s="46" t="s">
        <v>103</v>
      </c>
      <c r="C87" s="45"/>
      <c r="D87" s="45"/>
      <c r="E87" s="45"/>
    </row>
    <row r="88" spans="1:5" s="46" customFormat="1" ht="20.100000000000001" customHeight="1" x14ac:dyDescent="0.2">
      <c r="A88" s="46" t="s">
        <v>104</v>
      </c>
      <c r="B88" s="51"/>
      <c r="C88" s="45"/>
      <c r="D88" s="45"/>
      <c r="E88" s="45"/>
    </row>
    <row r="89" spans="1:5" s="46" customFormat="1" ht="20.100000000000001" customHeight="1" x14ac:dyDescent="0.2">
      <c r="C89" s="52" t="s">
        <v>105</v>
      </c>
      <c r="D89" s="53"/>
      <c r="E89" s="45"/>
    </row>
    <row r="90" spans="1:5" s="46" customFormat="1" ht="20.100000000000001" customHeight="1" x14ac:dyDescent="0.2">
      <c r="B90" s="54" t="s">
        <v>106</v>
      </c>
      <c r="C90" s="54"/>
      <c r="E90" s="45"/>
    </row>
  </sheetData>
  <mergeCells count="19">
    <mergeCell ref="A85:B85"/>
    <mergeCell ref="C85:D85"/>
    <mergeCell ref="B90:C90"/>
    <mergeCell ref="A82:B82"/>
    <mergeCell ref="C82:D82"/>
    <mergeCell ref="A83:B83"/>
    <mergeCell ref="C83:D83"/>
    <mergeCell ref="A84:B84"/>
    <mergeCell ref="C84:D84"/>
    <mergeCell ref="A26:B26"/>
    <mergeCell ref="A45:B45"/>
    <mergeCell ref="A63:B63"/>
    <mergeCell ref="A4:C4"/>
    <mergeCell ref="A5:C5"/>
    <mergeCell ref="A6:B6"/>
    <mergeCell ref="A1:B1"/>
    <mergeCell ref="A2:C2"/>
    <mergeCell ref="A3:C3"/>
    <mergeCell ref="A7:B7"/>
  </mergeCells>
  <conditionalFormatting sqref="C82:D85">
    <cfRule type="containsBlanks" dxfId="5" priority="3">
      <formula>LEN(TRIM(C82))=0</formula>
    </cfRule>
  </conditionalFormatting>
  <conditionalFormatting sqref="B87:B88">
    <cfRule type="containsBlanks" dxfId="3" priority="2">
      <formula>LEN(TRIM(B87))=0</formula>
    </cfRule>
  </conditionalFormatting>
  <conditionalFormatting sqref="D90">
    <cfRule type="containsBlanks" dxfId="1" priority="1">
      <formula>LEN(TRIM(D90))=0</formula>
    </cfRule>
  </conditionalFormatting>
  <pageMargins left="0.70866141732283472" right="0.70866141732283472" top="0.74803149606299213" bottom="0.74803149606299213" header="0.31496062992125984" footer="0.31496062992125984"/>
  <pageSetup paperSize="9" scale="80" fitToHeight="0" orientation="portrait" horizontalDpi="360" verticalDpi="360" r:id="rId1"/>
  <headerFooter>
    <oddHeader>&amp;L&amp;"Arial,Tučné"&amp;9Príloha č. 4 k SP
&amp;"Arial,Normálne"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Z</vt:lpstr>
      <vt:lpstr>'Špecifikácia PZ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valíková Lenka</dc:creator>
  <cp:lastModifiedBy>Katarína Duláková</cp:lastModifiedBy>
  <cp:lastPrinted>2021-05-13T09:56:31Z</cp:lastPrinted>
  <dcterms:created xsi:type="dcterms:W3CDTF">2021-05-11T09:15:54Z</dcterms:created>
  <dcterms:modified xsi:type="dcterms:W3CDTF">2025-12-05T06:50:57Z</dcterms:modified>
</cp:coreProperties>
</file>